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1\HP2101\"/>
    </mc:Choice>
  </mc:AlternateContent>
  <bookViews>
    <workbookView xWindow="0" yWindow="0" windowWidth="23040" windowHeight="8376"/>
  </bookViews>
  <sheets>
    <sheet name="0000" sheetId="1" r:id="rId1"/>
  </sheets>
  <definedNames>
    <definedName name="_xlnm.Print_Titles" localSheetId="0">'0000'!$4:$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" uniqueCount="32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3年1月末</t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38" fontId="1" fillId="0" borderId="5" xfId="1" applyFont="1" applyBorder="1" applyAlignment="1">
      <alignment horizontal="distributed"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horizontal="distributed"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1" xfId="1" applyBorder="1" applyAlignment="1">
      <alignment vertical="center"/>
    </xf>
    <xf numFmtId="38" fontId="1" fillId="0" borderId="12" xfId="1" applyBorder="1" applyAlignment="1">
      <alignment vertical="center"/>
    </xf>
    <xf numFmtId="38" fontId="1" fillId="0" borderId="9" xfId="1" applyFont="1" applyBorder="1" applyAlignment="1">
      <alignment horizontal="center" vertical="center"/>
    </xf>
    <xf numFmtId="38" fontId="0" fillId="0" borderId="10" xfId="0" applyNumberFormat="1" applyBorder="1" applyAlignment="1">
      <alignment vertical="center"/>
    </xf>
    <xf numFmtId="38" fontId="0" fillId="0" borderId="11" xfId="0" applyNumberFormat="1" applyBorder="1" applyAlignment="1">
      <alignment vertical="center"/>
    </xf>
    <xf numFmtId="38" fontId="0" fillId="0" borderId="12" xfId="0" applyNumberForma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D131"/>
  <sheetViews>
    <sheetView tabSelected="1"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1" t="s">
        <v>0</v>
      </c>
      <c r="B1" s="1"/>
      <c r="C1" s="1"/>
      <c r="D1" s="1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3"/>
      <c r="B3" s="4" t="s">
        <v>1</v>
      </c>
      <c r="C3" s="4"/>
      <c r="D3" s="4"/>
    </row>
    <row r="4" spans="1:4" ht="18" customHeight="1" x14ac:dyDescent="0.2">
      <c r="A4" s="5" t="s">
        <v>2</v>
      </c>
      <c r="B4" s="6" t="s">
        <v>3</v>
      </c>
      <c r="C4" s="7" t="s">
        <v>4</v>
      </c>
      <c r="D4" s="8" t="s">
        <v>5</v>
      </c>
    </row>
    <row r="5" spans="1:4" ht="18" customHeight="1" x14ac:dyDescent="0.2">
      <c r="A5" s="9">
        <v>0</v>
      </c>
      <c r="B5" s="10">
        <v>1421</v>
      </c>
      <c r="C5" s="11">
        <v>1338</v>
      </c>
      <c r="D5" s="12">
        <v>2759</v>
      </c>
    </row>
    <row r="6" spans="1:4" ht="18" customHeight="1" x14ac:dyDescent="0.2">
      <c r="A6" s="13">
        <v>1</v>
      </c>
      <c r="B6" s="14">
        <v>1495</v>
      </c>
      <c r="C6" s="15">
        <v>1400</v>
      </c>
      <c r="D6" s="16">
        <v>2895</v>
      </c>
    </row>
    <row r="7" spans="1:4" ht="18" customHeight="1" x14ac:dyDescent="0.2">
      <c r="A7" s="13">
        <v>2</v>
      </c>
      <c r="B7" s="14">
        <v>1554</v>
      </c>
      <c r="C7" s="15">
        <v>1491</v>
      </c>
      <c r="D7" s="16">
        <v>3045</v>
      </c>
    </row>
    <row r="8" spans="1:4" ht="18" customHeight="1" x14ac:dyDescent="0.2">
      <c r="A8" s="13">
        <v>3</v>
      </c>
      <c r="B8" s="14">
        <v>1539</v>
      </c>
      <c r="C8" s="15">
        <v>1455</v>
      </c>
      <c r="D8" s="16">
        <v>2994</v>
      </c>
    </row>
    <row r="9" spans="1:4" ht="18" customHeight="1" x14ac:dyDescent="0.2">
      <c r="A9" s="13">
        <v>4</v>
      </c>
      <c r="B9" s="14">
        <v>1660</v>
      </c>
      <c r="C9" s="15">
        <v>1583</v>
      </c>
      <c r="D9" s="16">
        <v>3243</v>
      </c>
    </row>
    <row r="10" spans="1:4" ht="18" customHeight="1" x14ac:dyDescent="0.2">
      <c r="A10" s="13" t="s">
        <v>6</v>
      </c>
      <c r="B10" s="17">
        <v>7669</v>
      </c>
      <c r="C10" s="18">
        <v>7267</v>
      </c>
      <c r="D10" s="19">
        <v>14936</v>
      </c>
    </row>
    <row r="11" spans="1:4" ht="18" customHeight="1" x14ac:dyDescent="0.2">
      <c r="A11" s="13">
        <v>5</v>
      </c>
      <c r="B11" s="17">
        <v>1636</v>
      </c>
      <c r="C11" s="18">
        <v>1552</v>
      </c>
      <c r="D11" s="19">
        <v>3188</v>
      </c>
    </row>
    <row r="12" spans="1:4" ht="18" customHeight="1" x14ac:dyDescent="0.2">
      <c r="A12" s="13">
        <v>6</v>
      </c>
      <c r="B12" s="17">
        <v>1630</v>
      </c>
      <c r="C12" s="18">
        <v>1575</v>
      </c>
      <c r="D12" s="19">
        <v>3205</v>
      </c>
    </row>
    <row r="13" spans="1:4" ht="18" customHeight="1" x14ac:dyDescent="0.2">
      <c r="A13" s="13">
        <v>7</v>
      </c>
      <c r="B13" s="17">
        <v>1660</v>
      </c>
      <c r="C13" s="18">
        <v>1590</v>
      </c>
      <c r="D13" s="19">
        <v>3250</v>
      </c>
    </row>
    <row r="14" spans="1:4" ht="18" customHeight="1" x14ac:dyDescent="0.2">
      <c r="A14" s="13">
        <v>8</v>
      </c>
      <c r="B14" s="17">
        <v>1695</v>
      </c>
      <c r="C14" s="18">
        <v>1627</v>
      </c>
      <c r="D14" s="19">
        <v>3322</v>
      </c>
    </row>
    <row r="15" spans="1:4" ht="18" customHeight="1" x14ac:dyDescent="0.2">
      <c r="A15" s="13">
        <v>9</v>
      </c>
      <c r="B15" s="17">
        <v>1699</v>
      </c>
      <c r="C15" s="18">
        <v>1635</v>
      </c>
      <c r="D15" s="19">
        <v>3334</v>
      </c>
    </row>
    <row r="16" spans="1:4" ht="18" customHeight="1" x14ac:dyDescent="0.2">
      <c r="A16" s="13" t="s">
        <v>7</v>
      </c>
      <c r="B16" s="17">
        <v>8320</v>
      </c>
      <c r="C16" s="18">
        <v>7979</v>
      </c>
      <c r="D16" s="19">
        <v>16299</v>
      </c>
    </row>
    <row r="17" spans="1:4" ht="18" customHeight="1" x14ac:dyDescent="0.2">
      <c r="A17" s="13">
        <v>10</v>
      </c>
      <c r="B17" s="17">
        <v>1839</v>
      </c>
      <c r="C17" s="18">
        <v>1619</v>
      </c>
      <c r="D17" s="19">
        <v>3458</v>
      </c>
    </row>
    <row r="18" spans="1:4" ht="18" customHeight="1" x14ac:dyDescent="0.2">
      <c r="A18" s="13">
        <v>11</v>
      </c>
      <c r="B18" s="17">
        <v>1755</v>
      </c>
      <c r="C18" s="18">
        <v>1718</v>
      </c>
      <c r="D18" s="19">
        <v>3473</v>
      </c>
    </row>
    <row r="19" spans="1:4" ht="18" customHeight="1" x14ac:dyDescent="0.2">
      <c r="A19" s="13">
        <v>12</v>
      </c>
      <c r="B19" s="17">
        <v>1847</v>
      </c>
      <c r="C19" s="18">
        <v>1733</v>
      </c>
      <c r="D19" s="19">
        <v>3580</v>
      </c>
    </row>
    <row r="20" spans="1:4" ht="18" customHeight="1" x14ac:dyDescent="0.2">
      <c r="A20" s="13">
        <v>13</v>
      </c>
      <c r="B20" s="17">
        <v>1807</v>
      </c>
      <c r="C20" s="18">
        <v>1742</v>
      </c>
      <c r="D20" s="19">
        <v>3549</v>
      </c>
    </row>
    <row r="21" spans="1:4" ht="18" customHeight="1" x14ac:dyDescent="0.2">
      <c r="A21" s="13">
        <v>14</v>
      </c>
      <c r="B21" s="17">
        <v>1852</v>
      </c>
      <c r="C21" s="18">
        <v>1835</v>
      </c>
      <c r="D21" s="19">
        <v>3687</v>
      </c>
    </row>
    <row r="22" spans="1:4" ht="18" customHeight="1" x14ac:dyDescent="0.2">
      <c r="A22" s="13" t="s">
        <v>8</v>
      </c>
      <c r="B22" s="17">
        <v>9100</v>
      </c>
      <c r="C22" s="18">
        <v>8647</v>
      </c>
      <c r="D22" s="19">
        <v>17747</v>
      </c>
    </row>
    <row r="23" spans="1:4" ht="18" customHeight="1" x14ac:dyDescent="0.2">
      <c r="A23" s="13" t="s">
        <v>9</v>
      </c>
      <c r="B23" s="17">
        <v>25089</v>
      </c>
      <c r="C23" s="18">
        <v>23893</v>
      </c>
      <c r="D23" s="19">
        <v>48982</v>
      </c>
    </row>
    <row r="24" spans="1:4" ht="18" customHeight="1" x14ac:dyDescent="0.2">
      <c r="A24" s="13">
        <v>15</v>
      </c>
      <c r="B24" s="17">
        <v>1851</v>
      </c>
      <c r="C24" s="18">
        <v>1718</v>
      </c>
      <c r="D24" s="19">
        <v>3569</v>
      </c>
    </row>
    <row r="25" spans="1:4" ht="18" customHeight="1" x14ac:dyDescent="0.2">
      <c r="A25" s="13">
        <v>16</v>
      </c>
      <c r="B25" s="17">
        <v>1968</v>
      </c>
      <c r="C25" s="18">
        <v>1876</v>
      </c>
      <c r="D25" s="19">
        <v>3844</v>
      </c>
    </row>
    <row r="26" spans="1:4" ht="18" customHeight="1" x14ac:dyDescent="0.2">
      <c r="A26" s="13">
        <v>17</v>
      </c>
      <c r="B26" s="17">
        <v>1930</v>
      </c>
      <c r="C26" s="18">
        <v>1842</v>
      </c>
      <c r="D26" s="19">
        <v>3772</v>
      </c>
    </row>
    <row r="27" spans="1:4" ht="18" customHeight="1" x14ac:dyDescent="0.2">
      <c r="A27" s="13">
        <v>18</v>
      </c>
      <c r="B27" s="17">
        <v>2004</v>
      </c>
      <c r="C27" s="18">
        <v>1861</v>
      </c>
      <c r="D27" s="19">
        <v>3865</v>
      </c>
    </row>
    <row r="28" spans="1:4" ht="18" customHeight="1" x14ac:dyDescent="0.2">
      <c r="A28" s="13">
        <v>19</v>
      </c>
      <c r="B28" s="17">
        <v>2087</v>
      </c>
      <c r="C28" s="18">
        <v>1922</v>
      </c>
      <c r="D28" s="19">
        <v>4009</v>
      </c>
    </row>
    <row r="29" spans="1:4" ht="18" customHeight="1" x14ac:dyDescent="0.2">
      <c r="A29" s="13" t="s">
        <v>10</v>
      </c>
      <c r="B29" s="17">
        <v>9840</v>
      </c>
      <c r="C29" s="18">
        <v>9219</v>
      </c>
      <c r="D29" s="19">
        <v>19059</v>
      </c>
    </row>
    <row r="30" spans="1:4" ht="18" customHeight="1" x14ac:dyDescent="0.2">
      <c r="A30" s="13">
        <v>20</v>
      </c>
      <c r="B30" s="17">
        <v>2196</v>
      </c>
      <c r="C30" s="18">
        <v>1984</v>
      </c>
      <c r="D30" s="19">
        <v>4180</v>
      </c>
    </row>
    <row r="31" spans="1:4" ht="18" customHeight="1" x14ac:dyDescent="0.2">
      <c r="A31" s="13">
        <v>21</v>
      </c>
      <c r="B31" s="17">
        <v>2162</v>
      </c>
      <c r="C31" s="18">
        <v>1972</v>
      </c>
      <c r="D31" s="19">
        <v>4134</v>
      </c>
    </row>
    <row r="32" spans="1:4" ht="18" customHeight="1" x14ac:dyDescent="0.2">
      <c r="A32" s="13">
        <v>22</v>
      </c>
      <c r="B32" s="17">
        <v>2108</v>
      </c>
      <c r="C32" s="18">
        <v>1896</v>
      </c>
      <c r="D32" s="19">
        <v>4004</v>
      </c>
    </row>
    <row r="33" spans="1:4" ht="18" customHeight="1" x14ac:dyDescent="0.2">
      <c r="A33" s="13">
        <v>23</v>
      </c>
      <c r="B33" s="17">
        <v>2197</v>
      </c>
      <c r="C33" s="18">
        <v>1816</v>
      </c>
      <c r="D33" s="19">
        <v>4013</v>
      </c>
    </row>
    <row r="34" spans="1:4" ht="18" customHeight="1" x14ac:dyDescent="0.2">
      <c r="A34" s="13">
        <v>24</v>
      </c>
      <c r="B34" s="17">
        <v>2176</v>
      </c>
      <c r="C34" s="18">
        <v>1879</v>
      </c>
      <c r="D34" s="19">
        <v>4055</v>
      </c>
    </row>
    <row r="35" spans="1:4" ht="18" customHeight="1" x14ac:dyDescent="0.2">
      <c r="A35" s="13" t="s">
        <v>11</v>
      </c>
      <c r="B35" s="17">
        <v>10839</v>
      </c>
      <c r="C35" s="18">
        <v>9547</v>
      </c>
      <c r="D35" s="19">
        <v>20386</v>
      </c>
    </row>
    <row r="36" spans="1:4" ht="18" customHeight="1" x14ac:dyDescent="0.2">
      <c r="A36" s="13">
        <v>25</v>
      </c>
      <c r="B36" s="17">
        <v>2159</v>
      </c>
      <c r="C36" s="18">
        <v>1857</v>
      </c>
      <c r="D36" s="19">
        <v>4016</v>
      </c>
    </row>
    <row r="37" spans="1:4" ht="18" customHeight="1" x14ac:dyDescent="0.2">
      <c r="A37" s="13">
        <v>26</v>
      </c>
      <c r="B37" s="17">
        <v>2204</v>
      </c>
      <c r="C37" s="18">
        <v>1909</v>
      </c>
      <c r="D37" s="19">
        <v>4113</v>
      </c>
    </row>
    <row r="38" spans="1:4" ht="18" customHeight="1" x14ac:dyDescent="0.2">
      <c r="A38" s="13">
        <v>27</v>
      </c>
      <c r="B38" s="17">
        <v>2077</v>
      </c>
      <c r="C38" s="18">
        <v>1858</v>
      </c>
      <c r="D38" s="19">
        <v>3935</v>
      </c>
    </row>
    <row r="39" spans="1:4" ht="18" customHeight="1" x14ac:dyDescent="0.2">
      <c r="A39" s="13">
        <v>28</v>
      </c>
      <c r="B39" s="17">
        <v>2012</v>
      </c>
      <c r="C39" s="18">
        <v>1823</v>
      </c>
      <c r="D39" s="19">
        <v>3835</v>
      </c>
    </row>
    <row r="40" spans="1:4" ht="18" customHeight="1" x14ac:dyDescent="0.2">
      <c r="A40" s="13">
        <v>29</v>
      </c>
      <c r="B40" s="17">
        <v>2084</v>
      </c>
      <c r="C40" s="18">
        <v>1844</v>
      </c>
      <c r="D40" s="19">
        <v>3928</v>
      </c>
    </row>
    <row r="41" spans="1:4" ht="18" customHeight="1" x14ac:dyDescent="0.2">
      <c r="A41" s="13" t="s">
        <v>12</v>
      </c>
      <c r="B41" s="17">
        <v>10536</v>
      </c>
      <c r="C41" s="18">
        <v>9291</v>
      </c>
      <c r="D41" s="19">
        <v>19827</v>
      </c>
    </row>
    <row r="42" spans="1:4" ht="18" customHeight="1" x14ac:dyDescent="0.2">
      <c r="A42" s="13">
        <v>30</v>
      </c>
      <c r="B42" s="17">
        <v>2195</v>
      </c>
      <c r="C42" s="18">
        <v>1796</v>
      </c>
      <c r="D42" s="19">
        <v>3991</v>
      </c>
    </row>
    <row r="43" spans="1:4" ht="18" customHeight="1" x14ac:dyDescent="0.2">
      <c r="A43" s="13">
        <v>31</v>
      </c>
      <c r="B43" s="17">
        <v>2141</v>
      </c>
      <c r="C43" s="18">
        <v>1900</v>
      </c>
      <c r="D43" s="19">
        <v>4041</v>
      </c>
    </row>
    <row r="44" spans="1:4" ht="18" customHeight="1" x14ac:dyDescent="0.2">
      <c r="A44" s="13">
        <v>32</v>
      </c>
      <c r="B44" s="17">
        <v>2231</v>
      </c>
      <c r="C44" s="18">
        <v>1985</v>
      </c>
      <c r="D44" s="19">
        <v>4216</v>
      </c>
    </row>
    <row r="45" spans="1:4" ht="18" customHeight="1" x14ac:dyDescent="0.2">
      <c r="A45" s="13">
        <v>33</v>
      </c>
      <c r="B45" s="17">
        <v>2126</v>
      </c>
      <c r="C45" s="18">
        <v>1988</v>
      </c>
      <c r="D45" s="19">
        <v>4114</v>
      </c>
    </row>
    <row r="46" spans="1:4" ht="18" customHeight="1" x14ac:dyDescent="0.2">
      <c r="A46" s="13">
        <v>34</v>
      </c>
      <c r="B46" s="17">
        <v>2299</v>
      </c>
      <c r="C46" s="18">
        <v>2147</v>
      </c>
      <c r="D46" s="19">
        <v>4446</v>
      </c>
    </row>
    <row r="47" spans="1:4" ht="18" customHeight="1" x14ac:dyDescent="0.2">
      <c r="A47" s="13" t="s">
        <v>13</v>
      </c>
      <c r="B47" s="17">
        <v>10992</v>
      </c>
      <c r="C47" s="18">
        <v>9816</v>
      </c>
      <c r="D47" s="19">
        <v>20808</v>
      </c>
    </row>
    <row r="48" spans="1:4" ht="18" customHeight="1" x14ac:dyDescent="0.2">
      <c r="A48" s="13">
        <v>35</v>
      </c>
      <c r="B48" s="17">
        <v>2303</v>
      </c>
      <c r="C48" s="18">
        <v>2214</v>
      </c>
      <c r="D48" s="19">
        <v>4517</v>
      </c>
    </row>
    <row r="49" spans="1:4" ht="18" customHeight="1" x14ac:dyDescent="0.2">
      <c r="A49" s="13">
        <v>36</v>
      </c>
      <c r="B49" s="17">
        <v>2548</v>
      </c>
      <c r="C49" s="18">
        <v>2242</v>
      </c>
      <c r="D49" s="19">
        <v>4790</v>
      </c>
    </row>
    <row r="50" spans="1:4" ht="18" customHeight="1" x14ac:dyDescent="0.2">
      <c r="A50" s="13">
        <v>37</v>
      </c>
      <c r="B50" s="17">
        <v>2390</v>
      </c>
      <c r="C50" s="18">
        <v>2188</v>
      </c>
      <c r="D50" s="19">
        <v>4578</v>
      </c>
    </row>
    <row r="51" spans="1:4" ht="18" customHeight="1" x14ac:dyDescent="0.2">
      <c r="A51" s="13">
        <v>38</v>
      </c>
      <c r="B51" s="17">
        <v>2459</v>
      </c>
      <c r="C51" s="18">
        <v>2257</v>
      </c>
      <c r="D51" s="19">
        <v>4716</v>
      </c>
    </row>
    <row r="52" spans="1:4" ht="18" customHeight="1" x14ac:dyDescent="0.2">
      <c r="A52" s="13">
        <v>39</v>
      </c>
      <c r="B52" s="17">
        <v>2432</v>
      </c>
      <c r="C52" s="18">
        <v>2399</v>
      </c>
      <c r="D52" s="19">
        <v>4831</v>
      </c>
    </row>
    <row r="53" spans="1:4" ht="18" customHeight="1" x14ac:dyDescent="0.2">
      <c r="A53" s="13" t="s">
        <v>14</v>
      </c>
      <c r="B53" s="17">
        <v>12132</v>
      </c>
      <c r="C53" s="18">
        <v>11300</v>
      </c>
      <c r="D53" s="19">
        <v>23432</v>
      </c>
    </row>
    <row r="54" spans="1:4" ht="18" customHeight="1" x14ac:dyDescent="0.2">
      <c r="A54" s="13">
        <v>40</v>
      </c>
      <c r="B54" s="17">
        <v>2503</v>
      </c>
      <c r="C54" s="18">
        <v>2315</v>
      </c>
      <c r="D54" s="19">
        <v>4818</v>
      </c>
    </row>
    <row r="55" spans="1:4" ht="18" customHeight="1" x14ac:dyDescent="0.2">
      <c r="A55" s="13">
        <v>41</v>
      </c>
      <c r="B55" s="17">
        <v>2657</v>
      </c>
      <c r="C55" s="18">
        <v>2467</v>
      </c>
      <c r="D55" s="19">
        <v>5124</v>
      </c>
    </row>
    <row r="56" spans="1:4" ht="18" customHeight="1" x14ac:dyDescent="0.2">
      <c r="A56" s="13">
        <v>42</v>
      </c>
      <c r="B56" s="17">
        <v>2843</v>
      </c>
      <c r="C56" s="18">
        <v>2769</v>
      </c>
      <c r="D56" s="19">
        <v>5612</v>
      </c>
    </row>
    <row r="57" spans="1:4" ht="18" customHeight="1" x14ac:dyDescent="0.2">
      <c r="A57" s="13">
        <v>43</v>
      </c>
      <c r="B57" s="17">
        <v>2977</v>
      </c>
      <c r="C57" s="18">
        <v>2689</v>
      </c>
      <c r="D57" s="19">
        <v>5666</v>
      </c>
    </row>
    <row r="58" spans="1:4" ht="18" customHeight="1" x14ac:dyDescent="0.2">
      <c r="A58" s="13">
        <v>44</v>
      </c>
      <c r="B58" s="17">
        <v>3109</v>
      </c>
      <c r="C58" s="18">
        <v>2921</v>
      </c>
      <c r="D58" s="19">
        <v>6030</v>
      </c>
    </row>
    <row r="59" spans="1:4" ht="18" customHeight="1" x14ac:dyDescent="0.2">
      <c r="A59" s="13" t="s">
        <v>15</v>
      </c>
      <c r="B59" s="17">
        <v>14089</v>
      </c>
      <c r="C59" s="18">
        <v>13161</v>
      </c>
      <c r="D59" s="19">
        <v>27250</v>
      </c>
    </row>
    <row r="60" spans="1:4" ht="18" customHeight="1" x14ac:dyDescent="0.2">
      <c r="A60" s="13">
        <v>45</v>
      </c>
      <c r="B60" s="17">
        <v>3278</v>
      </c>
      <c r="C60" s="18">
        <v>3069</v>
      </c>
      <c r="D60" s="19">
        <v>6347</v>
      </c>
    </row>
    <row r="61" spans="1:4" ht="18" customHeight="1" x14ac:dyDescent="0.2">
      <c r="A61" s="13">
        <v>46</v>
      </c>
      <c r="B61" s="17">
        <v>3441</v>
      </c>
      <c r="C61" s="18">
        <v>3388</v>
      </c>
      <c r="D61" s="19">
        <v>6829</v>
      </c>
    </row>
    <row r="62" spans="1:4" ht="18" customHeight="1" x14ac:dyDescent="0.2">
      <c r="A62" s="13">
        <v>47</v>
      </c>
      <c r="B62" s="17">
        <v>3541</v>
      </c>
      <c r="C62" s="18">
        <v>3480</v>
      </c>
      <c r="D62" s="19">
        <v>7021</v>
      </c>
    </row>
    <row r="63" spans="1:4" ht="18" customHeight="1" x14ac:dyDescent="0.2">
      <c r="A63" s="13">
        <v>48</v>
      </c>
      <c r="B63" s="17">
        <v>3504</v>
      </c>
      <c r="C63" s="18">
        <v>3380</v>
      </c>
      <c r="D63" s="19">
        <v>6884</v>
      </c>
    </row>
    <row r="64" spans="1:4" ht="18" customHeight="1" x14ac:dyDescent="0.2">
      <c r="A64" s="13">
        <v>49</v>
      </c>
      <c r="B64" s="17">
        <v>3411</v>
      </c>
      <c r="C64" s="18">
        <v>3208</v>
      </c>
      <c r="D64" s="19">
        <v>6619</v>
      </c>
    </row>
    <row r="65" spans="1:4" ht="18" customHeight="1" x14ac:dyDescent="0.2">
      <c r="A65" s="13" t="s">
        <v>16</v>
      </c>
      <c r="B65" s="17">
        <v>17175</v>
      </c>
      <c r="C65" s="18">
        <v>16525</v>
      </c>
      <c r="D65" s="19">
        <v>33700</v>
      </c>
    </row>
    <row r="66" spans="1:4" ht="18" customHeight="1" x14ac:dyDescent="0.2">
      <c r="A66" s="13">
        <v>50</v>
      </c>
      <c r="B66" s="17">
        <v>3235</v>
      </c>
      <c r="C66" s="18">
        <v>3118</v>
      </c>
      <c r="D66" s="19">
        <v>6353</v>
      </c>
    </row>
    <row r="67" spans="1:4" ht="18" customHeight="1" x14ac:dyDescent="0.2">
      <c r="A67" s="13">
        <v>51</v>
      </c>
      <c r="B67" s="17">
        <v>3093</v>
      </c>
      <c r="C67" s="18">
        <v>2857</v>
      </c>
      <c r="D67" s="19">
        <v>5950</v>
      </c>
    </row>
    <row r="68" spans="1:4" ht="18" customHeight="1" x14ac:dyDescent="0.2">
      <c r="A68" s="13">
        <v>52</v>
      </c>
      <c r="B68" s="17">
        <v>3046</v>
      </c>
      <c r="C68" s="18">
        <v>2894</v>
      </c>
      <c r="D68" s="19">
        <v>5940</v>
      </c>
    </row>
    <row r="69" spans="1:4" ht="18" customHeight="1" x14ac:dyDescent="0.2">
      <c r="A69" s="13">
        <v>53</v>
      </c>
      <c r="B69" s="17">
        <v>2978</v>
      </c>
      <c r="C69" s="18">
        <v>2932</v>
      </c>
      <c r="D69" s="19">
        <v>5910</v>
      </c>
    </row>
    <row r="70" spans="1:4" ht="18" customHeight="1" x14ac:dyDescent="0.2">
      <c r="A70" s="13">
        <v>54</v>
      </c>
      <c r="B70" s="17">
        <v>2168</v>
      </c>
      <c r="C70" s="18">
        <v>2168</v>
      </c>
      <c r="D70" s="19">
        <v>4336</v>
      </c>
    </row>
    <row r="71" spans="1:4" ht="18" customHeight="1" x14ac:dyDescent="0.2">
      <c r="A71" s="13" t="s">
        <v>17</v>
      </c>
      <c r="B71" s="17">
        <v>14520</v>
      </c>
      <c r="C71" s="18">
        <v>13969</v>
      </c>
      <c r="D71" s="19">
        <v>28489</v>
      </c>
    </row>
    <row r="72" spans="1:4" ht="18" customHeight="1" x14ac:dyDescent="0.2">
      <c r="A72" s="13">
        <v>55</v>
      </c>
      <c r="B72" s="17">
        <v>2646</v>
      </c>
      <c r="C72" s="18">
        <v>2741</v>
      </c>
      <c r="D72" s="19">
        <v>5387</v>
      </c>
    </row>
    <row r="73" spans="1:4" ht="18" customHeight="1" x14ac:dyDescent="0.2">
      <c r="A73" s="13">
        <v>56</v>
      </c>
      <c r="B73" s="17">
        <v>2589</v>
      </c>
      <c r="C73" s="18">
        <v>2603</v>
      </c>
      <c r="D73" s="19">
        <v>5192</v>
      </c>
    </row>
    <row r="74" spans="1:4" ht="18" customHeight="1" x14ac:dyDescent="0.2">
      <c r="A74" s="13">
        <v>57</v>
      </c>
      <c r="B74" s="17">
        <v>2510</v>
      </c>
      <c r="C74" s="18">
        <v>2527</v>
      </c>
      <c r="D74" s="19">
        <v>5037</v>
      </c>
    </row>
    <row r="75" spans="1:4" ht="18" customHeight="1" x14ac:dyDescent="0.2">
      <c r="A75" s="13">
        <v>58</v>
      </c>
      <c r="B75" s="17">
        <v>2447</v>
      </c>
      <c r="C75" s="18">
        <v>2400</v>
      </c>
      <c r="D75" s="19">
        <v>4847</v>
      </c>
    </row>
    <row r="76" spans="1:4" ht="18" customHeight="1" x14ac:dyDescent="0.2">
      <c r="A76" s="13">
        <v>59</v>
      </c>
      <c r="B76" s="17">
        <v>2275</v>
      </c>
      <c r="C76" s="18">
        <v>2359</v>
      </c>
      <c r="D76" s="19">
        <v>4634</v>
      </c>
    </row>
    <row r="77" spans="1:4" ht="18" customHeight="1" x14ac:dyDescent="0.2">
      <c r="A77" s="13" t="s">
        <v>18</v>
      </c>
      <c r="B77" s="17">
        <v>12467</v>
      </c>
      <c r="C77" s="18">
        <v>12630</v>
      </c>
      <c r="D77" s="19">
        <v>25097</v>
      </c>
    </row>
    <row r="78" spans="1:4" ht="18" customHeight="1" x14ac:dyDescent="0.2">
      <c r="A78" s="13">
        <v>60</v>
      </c>
      <c r="B78" s="17">
        <v>2338</v>
      </c>
      <c r="C78" s="18">
        <v>2427</v>
      </c>
      <c r="D78" s="19">
        <v>4765</v>
      </c>
    </row>
    <row r="79" spans="1:4" ht="18" customHeight="1" x14ac:dyDescent="0.2">
      <c r="A79" s="13">
        <v>61</v>
      </c>
      <c r="B79" s="17">
        <v>2334</v>
      </c>
      <c r="C79" s="18">
        <v>2412</v>
      </c>
      <c r="D79" s="19">
        <v>4746</v>
      </c>
    </row>
    <row r="80" spans="1:4" ht="18" customHeight="1" x14ac:dyDescent="0.2">
      <c r="A80" s="13">
        <v>62</v>
      </c>
      <c r="B80" s="17">
        <v>2310</v>
      </c>
      <c r="C80" s="18">
        <v>2510</v>
      </c>
      <c r="D80" s="19">
        <v>4820</v>
      </c>
    </row>
    <row r="81" spans="1:4" ht="18" customHeight="1" x14ac:dyDescent="0.2">
      <c r="A81" s="13">
        <v>63</v>
      </c>
      <c r="B81" s="17">
        <v>2254</v>
      </c>
      <c r="C81" s="18">
        <v>2255</v>
      </c>
      <c r="D81" s="19">
        <v>4509</v>
      </c>
    </row>
    <row r="82" spans="1:4" ht="18" customHeight="1" x14ac:dyDescent="0.2">
      <c r="A82" s="13">
        <v>64</v>
      </c>
      <c r="B82" s="17">
        <v>2172</v>
      </c>
      <c r="C82" s="18">
        <v>2382</v>
      </c>
      <c r="D82" s="19">
        <v>4554</v>
      </c>
    </row>
    <row r="83" spans="1:4" ht="18" customHeight="1" x14ac:dyDescent="0.2">
      <c r="A83" s="13" t="s">
        <v>19</v>
      </c>
      <c r="B83" s="17">
        <v>11408</v>
      </c>
      <c r="C83" s="18">
        <v>11986</v>
      </c>
      <c r="D83" s="19">
        <v>23394</v>
      </c>
    </row>
    <row r="84" spans="1:4" ht="18" customHeight="1" x14ac:dyDescent="0.2">
      <c r="A84" s="13" t="s">
        <v>20</v>
      </c>
      <c r="B84" s="17">
        <v>123998</v>
      </c>
      <c r="C84" s="18">
        <v>117444</v>
      </c>
      <c r="D84" s="19">
        <v>241442</v>
      </c>
    </row>
    <row r="85" spans="1:4" ht="18" customHeight="1" x14ac:dyDescent="0.2">
      <c r="A85" s="13">
        <v>65</v>
      </c>
      <c r="B85" s="17">
        <v>2450</v>
      </c>
      <c r="C85" s="18">
        <v>2570</v>
      </c>
      <c r="D85" s="19">
        <v>5020</v>
      </c>
    </row>
    <row r="86" spans="1:4" ht="18" customHeight="1" x14ac:dyDescent="0.2">
      <c r="A86" s="13">
        <v>66</v>
      </c>
      <c r="B86" s="17">
        <v>2477</v>
      </c>
      <c r="C86" s="18">
        <v>2598</v>
      </c>
      <c r="D86" s="19">
        <v>5075</v>
      </c>
    </row>
    <row r="87" spans="1:4" ht="18" customHeight="1" x14ac:dyDescent="0.2">
      <c r="A87" s="13">
        <v>67</v>
      </c>
      <c r="B87" s="17">
        <v>2535</v>
      </c>
      <c r="C87" s="18">
        <v>2794</v>
      </c>
      <c r="D87" s="19">
        <v>5329</v>
      </c>
    </row>
    <row r="88" spans="1:4" ht="18" customHeight="1" x14ac:dyDescent="0.2">
      <c r="A88" s="13">
        <v>68</v>
      </c>
      <c r="B88" s="17">
        <v>2680</v>
      </c>
      <c r="C88" s="18">
        <v>2797</v>
      </c>
      <c r="D88" s="19">
        <v>5477</v>
      </c>
    </row>
    <row r="89" spans="1:4" ht="18" customHeight="1" x14ac:dyDescent="0.2">
      <c r="A89" s="13">
        <v>69</v>
      </c>
      <c r="B89" s="17">
        <v>2611</v>
      </c>
      <c r="C89" s="18">
        <v>2926</v>
      </c>
      <c r="D89" s="19">
        <v>5537</v>
      </c>
    </row>
    <row r="90" spans="1:4" ht="18" customHeight="1" x14ac:dyDescent="0.2">
      <c r="A90" s="13" t="s">
        <v>21</v>
      </c>
      <c r="B90" s="17">
        <v>12753</v>
      </c>
      <c r="C90" s="18">
        <v>13685</v>
      </c>
      <c r="D90" s="19">
        <v>26438</v>
      </c>
    </row>
    <row r="91" spans="1:4" ht="18" customHeight="1" x14ac:dyDescent="0.2">
      <c r="A91" s="13">
        <v>70</v>
      </c>
      <c r="B91" s="17">
        <v>2899</v>
      </c>
      <c r="C91" s="18">
        <v>3302</v>
      </c>
      <c r="D91" s="19">
        <v>6201</v>
      </c>
    </row>
    <row r="92" spans="1:4" ht="18" customHeight="1" x14ac:dyDescent="0.2">
      <c r="A92" s="13">
        <v>71</v>
      </c>
      <c r="B92" s="17">
        <v>3340</v>
      </c>
      <c r="C92" s="18">
        <v>3661</v>
      </c>
      <c r="D92" s="19">
        <v>7001</v>
      </c>
    </row>
    <row r="93" spans="1:4" ht="18" customHeight="1" x14ac:dyDescent="0.2">
      <c r="A93" s="13">
        <v>72</v>
      </c>
      <c r="B93" s="17">
        <v>3509</v>
      </c>
      <c r="C93" s="18">
        <v>3829</v>
      </c>
      <c r="D93" s="19">
        <v>7338</v>
      </c>
    </row>
    <row r="94" spans="1:4" ht="18" customHeight="1" x14ac:dyDescent="0.2">
      <c r="A94" s="13">
        <v>73</v>
      </c>
      <c r="B94" s="17">
        <v>3434</v>
      </c>
      <c r="C94" s="18">
        <v>4089</v>
      </c>
      <c r="D94" s="19">
        <v>7523</v>
      </c>
    </row>
    <row r="95" spans="1:4" ht="18" customHeight="1" x14ac:dyDescent="0.2">
      <c r="A95" s="13">
        <v>74</v>
      </c>
      <c r="B95" s="17">
        <v>2270</v>
      </c>
      <c r="C95" s="18">
        <v>2717</v>
      </c>
      <c r="D95" s="19">
        <v>4987</v>
      </c>
    </row>
    <row r="96" spans="1:4" ht="18" customHeight="1" x14ac:dyDescent="0.2">
      <c r="A96" s="13" t="s">
        <v>22</v>
      </c>
      <c r="B96" s="17">
        <v>15452</v>
      </c>
      <c r="C96" s="18">
        <v>17598</v>
      </c>
      <c r="D96" s="19">
        <v>33050</v>
      </c>
    </row>
    <row r="97" spans="1:4" ht="18" customHeight="1" x14ac:dyDescent="0.2">
      <c r="A97" s="13">
        <v>75</v>
      </c>
      <c r="B97" s="17">
        <v>1746</v>
      </c>
      <c r="C97" s="18">
        <v>2101</v>
      </c>
      <c r="D97" s="19">
        <v>3847</v>
      </c>
    </row>
    <row r="98" spans="1:4" ht="18" customHeight="1" x14ac:dyDescent="0.2">
      <c r="A98" s="13">
        <v>76</v>
      </c>
      <c r="B98" s="17">
        <v>2380</v>
      </c>
      <c r="C98" s="18">
        <v>2959</v>
      </c>
      <c r="D98" s="19">
        <v>5339</v>
      </c>
    </row>
    <row r="99" spans="1:4" ht="18" customHeight="1" x14ac:dyDescent="0.2">
      <c r="A99" s="13">
        <v>77</v>
      </c>
      <c r="B99" s="17">
        <v>2186</v>
      </c>
      <c r="C99" s="18">
        <v>2892</v>
      </c>
      <c r="D99" s="19">
        <v>5078</v>
      </c>
    </row>
    <row r="100" spans="1:4" ht="18" customHeight="1" x14ac:dyDescent="0.2">
      <c r="A100" s="13">
        <v>78</v>
      </c>
      <c r="B100" s="17">
        <v>2198</v>
      </c>
      <c r="C100" s="18">
        <v>2741</v>
      </c>
      <c r="D100" s="19">
        <v>4939</v>
      </c>
    </row>
    <row r="101" spans="1:4" ht="18" customHeight="1" x14ac:dyDescent="0.2">
      <c r="A101" s="13">
        <v>79</v>
      </c>
      <c r="B101" s="17">
        <v>2163</v>
      </c>
      <c r="C101" s="18">
        <v>2850</v>
      </c>
      <c r="D101" s="19">
        <v>5013</v>
      </c>
    </row>
    <row r="102" spans="1:4" ht="18" customHeight="1" x14ac:dyDescent="0.2">
      <c r="A102" s="13" t="s">
        <v>23</v>
      </c>
      <c r="B102" s="17">
        <v>10673</v>
      </c>
      <c r="C102" s="18">
        <v>13543</v>
      </c>
      <c r="D102" s="19">
        <v>24216</v>
      </c>
    </row>
    <row r="103" spans="1:4" ht="18" customHeight="1" x14ac:dyDescent="0.2">
      <c r="A103" s="13">
        <v>80</v>
      </c>
      <c r="B103" s="17">
        <v>1854</v>
      </c>
      <c r="C103" s="18">
        <v>2464</v>
      </c>
      <c r="D103" s="19">
        <v>4318</v>
      </c>
    </row>
    <row r="104" spans="1:4" ht="18" customHeight="1" x14ac:dyDescent="0.2">
      <c r="A104" s="13">
        <v>81</v>
      </c>
      <c r="B104" s="17">
        <v>1522</v>
      </c>
      <c r="C104" s="18">
        <v>2016</v>
      </c>
      <c r="D104" s="19">
        <v>3538</v>
      </c>
    </row>
    <row r="105" spans="1:4" ht="18" customHeight="1" x14ac:dyDescent="0.2">
      <c r="A105" s="13">
        <v>82</v>
      </c>
      <c r="B105" s="17">
        <v>1291</v>
      </c>
      <c r="C105" s="18">
        <v>1856</v>
      </c>
      <c r="D105" s="19">
        <v>3147</v>
      </c>
    </row>
    <row r="106" spans="1:4" ht="18" customHeight="1" x14ac:dyDescent="0.2">
      <c r="A106" s="13">
        <v>83</v>
      </c>
      <c r="B106" s="17">
        <v>1382</v>
      </c>
      <c r="C106" s="18">
        <v>2135</v>
      </c>
      <c r="D106" s="19">
        <v>3517</v>
      </c>
    </row>
    <row r="107" spans="1:4" ht="18" customHeight="1" x14ac:dyDescent="0.2">
      <c r="A107" s="13">
        <v>84</v>
      </c>
      <c r="B107" s="17">
        <v>1257</v>
      </c>
      <c r="C107" s="18">
        <v>2052</v>
      </c>
      <c r="D107" s="19">
        <v>3309</v>
      </c>
    </row>
    <row r="108" spans="1:4" ht="18" customHeight="1" x14ac:dyDescent="0.2">
      <c r="A108" s="13" t="s">
        <v>24</v>
      </c>
      <c r="B108" s="17">
        <v>7306</v>
      </c>
      <c r="C108" s="18">
        <v>10523</v>
      </c>
      <c r="D108" s="19">
        <v>17829</v>
      </c>
    </row>
    <row r="109" spans="1:4" ht="18" customHeight="1" x14ac:dyDescent="0.2">
      <c r="A109" s="13">
        <v>85</v>
      </c>
      <c r="B109" s="17">
        <v>1188</v>
      </c>
      <c r="C109" s="18">
        <v>2030</v>
      </c>
      <c r="D109" s="19">
        <v>3218</v>
      </c>
    </row>
    <row r="110" spans="1:4" ht="18" customHeight="1" x14ac:dyDescent="0.2">
      <c r="A110" s="13">
        <v>86</v>
      </c>
      <c r="B110" s="17">
        <v>963</v>
      </c>
      <c r="C110" s="18">
        <v>1720</v>
      </c>
      <c r="D110" s="19">
        <v>2683</v>
      </c>
    </row>
    <row r="111" spans="1:4" ht="18" customHeight="1" x14ac:dyDescent="0.2">
      <c r="A111" s="13">
        <v>87</v>
      </c>
      <c r="B111" s="17">
        <v>893</v>
      </c>
      <c r="C111" s="18">
        <v>1787</v>
      </c>
      <c r="D111" s="19">
        <v>2680</v>
      </c>
    </row>
    <row r="112" spans="1:4" ht="18" customHeight="1" x14ac:dyDescent="0.2">
      <c r="A112" s="13">
        <v>88</v>
      </c>
      <c r="B112" s="17">
        <v>757</v>
      </c>
      <c r="C112" s="18">
        <v>1750</v>
      </c>
      <c r="D112" s="19">
        <v>2507</v>
      </c>
    </row>
    <row r="113" spans="1:4" ht="18" customHeight="1" x14ac:dyDescent="0.2">
      <c r="A113" s="13">
        <v>89</v>
      </c>
      <c r="B113" s="17">
        <v>614</v>
      </c>
      <c r="C113" s="18">
        <v>1405</v>
      </c>
      <c r="D113" s="19">
        <v>2019</v>
      </c>
    </row>
    <row r="114" spans="1:4" ht="18" customHeight="1" x14ac:dyDescent="0.2">
      <c r="A114" s="13" t="s">
        <v>25</v>
      </c>
      <c r="B114" s="17">
        <v>4415</v>
      </c>
      <c r="C114" s="18">
        <v>8692</v>
      </c>
      <c r="D114" s="19">
        <v>13107</v>
      </c>
    </row>
    <row r="115" spans="1:4" ht="18" customHeight="1" x14ac:dyDescent="0.2">
      <c r="A115" s="13">
        <v>90</v>
      </c>
      <c r="B115" s="17">
        <v>475</v>
      </c>
      <c r="C115" s="18">
        <v>1257</v>
      </c>
      <c r="D115" s="19">
        <v>1732</v>
      </c>
    </row>
    <row r="116" spans="1:4" ht="18" customHeight="1" x14ac:dyDescent="0.2">
      <c r="A116" s="13">
        <v>91</v>
      </c>
      <c r="B116" s="17">
        <v>408</v>
      </c>
      <c r="C116" s="18">
        <v>1101</v>
      </c>
      <c r="D116" s="19">
        <v>1509</v>
      </c>
    </row>
    <row r="117" spans="1:4" ht="18" customHeight="1" x14ac:dyDescent="0.2">
      <c r="A117" s="13">
        <v>92</v>
      </c>
      <c r="B117" s="17">
        <v>367</v>
      </c>
      <c r="C117" s="18">
        <v>990</v>
      </c>
      <c r="D117" s="19">
        <v>1357</v>
      </c>
    </row>
    <row r="118" spans="1:4" ht="18" customHeight="1" x14ac:dyDescent="0.2">
      <c r="A118" s="13">
        <v>93</v>
      </c>
      <c r="B118" s="17">
        <v>238</v>
      </c>
      <c r="C118" s="18">
        <v>789</v>
      </c>
      <c r="D118" s="19">
        <v>1027</v>
      </c>
    </row>
    <row r="119" spans="1:4" ht="18" customHeight="1" x14ac:dyDescent="0.2">
      <c r="A119" s="13">
        <v>94</v>
      </c>
      <c r="B119" s="17">
        <v>201</v>
      </c>
      <c r="C119" s="18">
        <v>633</v>
      </c>
      <c r="D119" s="19">
        <v>834</v>
      </c>
    </row>
    <row r="120" spans="1:4" ht="18" customHeight="1" x14ac:dyDescent="0.2">
      <c r="A120" s="13" t="s">
        <v>26</v>
      </c>
      <c r="B120" s="17">
        <v>1689</v>
      </c>
      <c r="C120" s="18">
        <v>4770</v>
      </c>
      <c r="D120" s="19">
        <v>6459</v>
      </c>
    </row>
    <row r="121" spans="1:4" ht="18" customHeight="1" x14ac:dyDescent="0.2">
      <c r="A121" s="13">
        <v>95</v>
      </c>
      <c r="B121" s="17">
        <v>137</v>
      </c>
      <c r="C121" s="18">
        <v>548</v>
      </c>
      <c r="D121" s="19">
        <v>685</v>
      </c>
    </row>
    <row r="122" spans="1:4" ht="18" customHeight="1" x14ac:dyDescent="0.2">
      <c r="A122" s="13">
        <v>96</v>
      </c>
      <c r="B122" s="17">
        <v>108</v>
      </c>
      <c r="C122" s="18">
        <v>399</v>
      </c>
      <c r="D122" s="19">
        <v>507</v>
      </c>
    </row>
    <row r="123" spans="1:4" ht="18" customHeight="1" x14ac:dyDescent="0.2">
      <c r="A123" s="13">
        <v>97</v>
      </c>
      <c r="B123" s="17">
        <v>65</v>
      </c>
      <c r="C123" s="18">
        <v>306</v>
      </c>
      <c r="D123" s="19">
        <v>371</v>
      </c>
    </row>
    <row r="124" spans="1:4" ht="18" customHeight="1" x14ac:dyDescent="0.2">
      <c r="A124" s="13">
        <v>98</v>
      </c>
      <c r="B124" s="17">
        <v>42</v>
      </c>
      <c r="C124" s="18">
        <v>222</v>
      </c>
      <c r="D124" s="19">
        <v>264</v>
      </c>
    </row>
    <row r="125" spans="1:4" ht="18" customHeight="1" x14ac:dyDescent="0.2">
      <c r="A125" s="13">
        <v>99</v>
      </c>
      <c r="B125" s="17">
        <v>21</v>
      </c>
      <c r="C125" s="18">
        <v>181</v>
      </c>
      <c r="D125" s="19">
        <v>202</v>
      </c>
    </row>
    <row r="126" spans="1:4" ht="18" customHeight="1" x14ac:dyDescent="0.2">
      <c r="A126" s="13" t="s">
        <v>27</v>
      </c>
      <c r="B126" s="17">
        <v>373</v>
      </c>
      <c r="C126" s="18">
        <v>1656</v>
      </c>
      <c r="D126" s="19">
        <v>2029</v>
      </c>
    </row>
    <row r="127" spans="1:4" ht="18" customHeight="1" x14ac:dyDescent="0.2">
      <c r="A127" s="13">
        <v>100</v>
      </c>
      <c r="B127" s="17">
        <v>16</v>
      </c>
      <c r="C127" s="18">
        <v>98</v>
      </c>
      <c r="D127" s="19">
        <v>114</v>
      </c>
    </row>
    <row r="128" spans="1:4" ht="18" customHeight="1" x14ac:dyDescent="0.2">
      <c r="A128" s="20" t="s">
        <v>28</v>
      </c>
      <c r="B128" s="17">
        <v>24</v>
      </c>
      <c r="C128" s="18">
        <v>155</v>
      </c>
      <c r="D128" s="19">
        <v>179</v>
      </c>
    </row>
    <row r="129" spans="1:4" ht="18" customHeight="1" x14ac:dyDescent="0.2">
      <c r="A129" s="13" t="s">
        <v>29</v>
      </c>
      <c r="B129" s="17">
        <v>40</v>
      </c>
      <c r="C129" s="18">
        <v>253</v>
      </c>
      <c r="D129" s="19">
        <v>293</v>
      </c>
    </row>
    <row r="130" spans="1:4" ht="18" customHeight="1" x14ac:dyDescent="0.2">
      <c r="A130" s="13" t="s">
        <v>30</v>
      </c>
      <c r="B130" s="21">
        <v>52701</v>
      </c>
      <c r="C130" s="22">
        <v>70720</v>
      </c>
      <c r="D130" s="23">
        <v>123421</v>
      </c>
    </row>
    <row r="131" spans="1:4" ht="18" customHeight="1" x14ac:dyDescent="0.2">
      <c r="A131" s="24" t="s">
        <v>31</v>
      </c>
      <c r="B131" s="25">
        <v>201788</v>
      </c>
      <c r="C131" s="26">
        <v>212057</v>
      </c>
      <c r="D131" s="27">
        <v>413845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2-02T02:53:23Z</dcterms:created>
  <dcterms:modified xsi:type="dcterms:W3CDTF">2021-02-02T02:53:24Z</dcterms:modified>
</cp:coreProperties>
</file>